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20" uniqueCount="343">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外科内科山尾医院</t>
    <phoneticPr fontId="3"/>
  </si>
  <si>
    <t>〒693-0011 出雲市大津町１０９９－５</t>
    <phoneticPr fontId="3"/>
  </si>
  <si>
    <t>〇</t>
  </si>
  <si>
    <t>医療法人</t>
  </si>
  <si>
    <t>複数の診療科で活用</t>
  </si>
  <si>
    <t>外科</t>
  </si>
  <si>
    <t>内科</t>
  </si>
  <si>
    <t>消化器内科（胃腸内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0493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2</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t="s">
        <v>334</v>
      </c>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t="s">
        <v>334</v>
      </c>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9</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337</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338</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339</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9</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40</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4</v>
      </c>
      <c r="K157" s="99" t="str">
        <f t="shared" ref="K157:K172" si="1">IF(OR(COUNTIF(L157:O157,"未確認")&gt;0,COUNTIF(L157:O157,"*")&gt;0),"※","")</f>
        <v/>
      </c>
      <c r="L157" s="167">
        <v>2</v>
      </c>
      <c r="M157" s="167">
        <v>0</v>
      </c>
      <c r="N157" s="167">
        <v>2</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7</v>
      </c>
      <c r="K159" s="99" t="str">
        <f t="shared" si="1"/>
        <v/>
      </c>
      <c r="L159" s="167">
        <v>4</v>
      </c>
      <c r="M159" s="167">
        <v>0</v>
      </c>
      <c r="N159" s="167">
        <v>3</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8</v>
      </c>
      <c r="K161" s="99" t="str">
        <f t="shared" si="1"/>
        <v/>
      </c>
      <c r="L161" s="167">
        <v>6</v>
      </c>
      <c r="M161" s="167">
        <v>0</v>
      </c>
      <c r="N161" s="167">
        <v>2</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5</v>
      </c>
      <c r="K162" s="99" t="str">
        <f t="shared" si="1"/>
        <v/>
      </c>
      <c r="L162" s="168">
        <v>0.5</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40</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334</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65</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1</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40</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61</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63</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52</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6</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5</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61</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41</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8</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6</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6</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61</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61</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t="s">
        <v>341</v>
      </c>
      <c r="K318" s="99" t="str">
        <f>IF(OR(COUNTIF(J318,"未確認")&gt;0,COUNTIF(J318,"*")&gt;0),"※","")</f>
        <v>※</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41</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t="s">
        <v>341</v>
      </c>
      <c r="K329" s="99" t="str">
        <f t="shared" si="3"/>
        <v>※</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t="s">
        <v>341</v>
      </c>
      <c r="K330" s="99" t="str">
        <f t="shared" si="3"/>
        <v>※</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t="s">
        <v>341</v>
      </c>
      <c r="K331" s="99" t="str">
        <f t="shared" si="3"/>
        <v>※</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703</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61</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0:44Z</cp:lastPrinted>
  <dcterms:created xsi:type="dcterms:W3CDTF">2019-03-05T11:12:49Z</dcterms:created>
  <dcterms:modified xsi:type="dcterms:W3CDTF">2021-05-24T00:20:45Z</dcterms:modified>
</cp:coreProperties>
</file>